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2228"/>
  <workbookPr defaultThemeVersion="166925"/>
  <mc:AlternateContent xmlns:mc="http://schemas.openxmlformats.org/markup-compatibility/2006">
    <mc:Choice Requires="x15">
      <x15ac:absPath xmlns:x15ac="http://schemas.microsoft.com/office/spreadsheetml/2010/11/ac" url="\\FILESVR\share$\FolderRedirect\s6122\Desktop\"/>
    </mc:Choice>
  </mc:AlternateContent>
  <xr:revisionPtr revIDLastSave="0" documentId="13_ncr:1_{96285730-A627-4C0D-8EC5-1F18BEE1249B}" xr6:coauthVersionLast="45" xr6:coauthVersionMax="47" xr10:uidLastSave="{00000000-0000-0000-0000-000000000000}"/>
  <bookViews>
    <workbookView xWindow="-120" yWindow="-120" windowWidth="21840" windowHeight="13140" xr2:uid="{A1A1C313-846A-4B3C-89E5-C8FD18CCEC8C}"/>
  </bookViews>
  <sheets>
    <sheet name="Sheet1" sheetId="1" r:id="rId1"/>
  </sheets>
  <definedNames>
    <definedName name="_xlnm.Print_Area" localSheetId="0">Sheet1!$A$1:$D$40</definedName>
  </definedNames>
  <calcPr calcId="18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sharedStrings.xml><?xml version="1.0" encoding="utf-8"?>
<sst xmlns="http://schemas.openxmlformats.org/spreadsheetml/2006/main" count="28" uniqueCount="26">
  <si>
    <t>すわしんユースクラブ・ビジネスクラブ会員情報記入シート</t>
    <rPh sb="18" eb="22">
      <t>カイインジョウホウ</t>
    </rPh>
    <rPh sb="22" eb="24">
      <t>キニュウ</t>
    </rPh>
    <phoneticPr fontId="1"/>
  </si>
  <si>
    <t>会社名</t>
    <rPh sb="0" eb="3">
      <t>カイシャメイ</t>
    </rPh>
    <phoneticPr fontId="1"/>
  </si>
  <si>
    <t>TEL</t>
    <phoneticPr fontId="1"/>
  </si>
  <si>
    <t>FAX</t>
    <phoneticPr fontId="1"/>
  </si>
  <si>
    <t>フリガナ</t>
    <phoneticPr fontId="1"/>
  </si>
  <si>
    <t>URL</t>
    <phoneticPr fontId="1"/>
  </si>
  <si>
    <t>業務内容</t>
    <rPh sb="0" eb="4">
      <t>ギョウムナイヨウ</t>
    </rPh>
    <phoneticPr fontId="1"/>
  </si>
  <si>
    <t>セールスポイント</t>
    <phoneticPr fontId="1"/>
  </si>
  <si>
    <t>代表者（フリガナ）</t>
    <rPh sb="0" eb="3">
      <t>ダイヒョウシャ</t>
    </rPh>
    <phoneticPr fontId="1"/>
  </si>
  <si>
    <t>住所</t>
    <rPh sb="0" eb="1">
      <t>ジュウ</t>
    </rPh>
    <rPh sb="1" eb="2">
      <t>ショ</t>
    </rPh>
    <phoneticPr fontId="1"/>
  </si>
  <si>
    <t>郵便番号</t>
    <rPh sb="0" eb="4">
      <t>ユウビンバンゴウ</t>
    </rPh>
    <phoneticPr fontId="1"/>
  </si>
  <si>
    <t>業種</t>
    <rPh sb="0" eb="2">
      <t>ギョウシュ</t>
    </rPh>
    <phoneticPr fontId="1"/>
  </si>
  <si>
    <t>（200文字程度）</t>
    <rPh sb="4" eb="8">
      <t>モジテイド</t>
    </rPh>
    <phoneticPr fontId="1"/>
  </si>
  <si>
    <t>画像データ</t>
    <rPh sb="0" eb="2">
      <t>ガゾウ</t>
    </rPh>
    <phoneticPr fontId="1"/>
  </si>
  <si>
    <t>画像名01：</t>
    <rPh sb="0" eb="2">
      <t>ガゾウ</t>
    </rPh>
    <rPh sb="2" eb="3">
      <t>メイ</t>
    </rPh>
    <phoneticPr fontId="1"/>
  </si>
  <si>
    <t>画像名02：</t>
    <rPh sb="0" eb="2">
      <t>ガゾウ</t>
    </rPh>
    <rPh sb="2" eb="3">
      <t>メイ</t>
    </rPh>
    <phoneticPr fontId="1"/>
  </si>
  <si>
    <t>画像名03：</t>
    <rPh sb="0" eb="2">
      <t>ガゾウ</t>
    </rPh>
    <rPh sb="2" eb="3">
      <t>メイ</t>
    </rPh>
    <phoneticPr fontId="1"/>
  </si>
  <si>
    <t>キャプション：</t>
    <phoneticPr fontId="1"/>
  </si>
  <si>
    <t>3カットまで掲載可</t>
    <rPh sb="6" eb="8">
      <t>ケイサイ</t>
    </rPh>
    <rPh sb="8" eb="9">
      <t>カ</t>
    </rPh>
    <phoneticPr fontId="1"/>
  </si>
  <si>
    <t>※会員の皆さまへ、現在準備を進めております公式サイトへ掲載する会員情報をご記入ください。</t>
    <rPh sb="1" eb="3">
      <t>カイイン</t>
    </rPh>
    <rPh sb="4" eb="5">
      <t>ミナ</t>
    </rPh>
    <rPh sb="9" eb="11">
      <t>ゲンザイ</t>
    </rPh>
    <rPh sb="11" eb="13">
      <t>ジュンビ</t>
    </rPh>
    <rPh sb="14" eb="15">
      <t>スス</t>
    </rPh>
    <rPh sb="21" eb="23">
      <t>コウシキ</t>
    </rPh>
    <rPh sb="27" eb="29">
      <t>ケイサイ</t>
    </rPh>
    <rPh sb="31" eb="35">
      <t>カイインジョウホウ</t>
    </rPh>
    <rPh sb="37" eb="39">
      <t>キニュウ</t>
    </rPh>
    <phoneticPr fontId="1"/>
  </si>
  <si>
    <t>お問い合わせ：諏訪信用金庫　営業統括部　0266-23-4567　竹村</t>
    <rPh sb="7" eb="13">
      <t>スワシンヨウキンコ</t>
    </rPh>
    <rPh sb="14" eb="19">
      <t>エイギョウトウカツブ</t>
    </rPh>
    <rPh sb="33" eb="35">
      <t>タケムラ</t>
    </rPh>
    <phoneticPr fontId="1"/>
  </si>
  <si>
    <t>※プルダウンより選択</t>
    <rPh sb="8" eb="10">
      <t>センタク</t>
    </rPh>
    <phoneticPr fontId="1"/>
  </si>
  <si>
    <t>（100文字程度）</t>
    <rPh sb="4" eb="8">
      <t>モジテイド</t>
    </rPh>
    <phoneticPr fontId="1"/>
  </si>
  <si>
    <t>（他会員向けメッセージ）</t>
    <rPh sb="1" eb="2">
      <t>ホカ</t>
    </rPh>
    <rPh sb="2" eb="4">
      <t>カイイン</t>
    </rPh>
    <rPh sb="4" eb="5">
      <t>ム</t>
    </rPh>
    <phoneticPr fontId="1"/>
  </si>
  <si>
    <t>会員名（フリガナ）</t>
    <rPh sb="0" eb="2">
      <t>カイイン</t>
    </rPh>
    <rPh sb="2" eb="3">
      <t>メイ</t>
    </rPh>
    <phoneticPr fontId="1"/>
  </si>
  <si>
    <t>会員様の役職</t>
    <rPh sb="0" eb="2">
      <t>カイイン</t>
    </rPh>
    <rPh sb="2" eb="3">
      <t>サマ</t>
    </rPh>
    <rPh sb="4" eb="5">
      <t>ヤク</t>
    </rPh>
    <rPh sb="5" eb="6">
      <t>シ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6"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16"/>
      <color theme="0"/>
      <name val="HG丸ｺﾞｼｯｸM-PRO"/>
      <family val="3"/>
      <charset val="128"/>
    </font>
    <font>
      <sz val="10"/>
      <color theme="1"/>
      <name val="HG丸ｺﾞｼｯｸM-PRO"/>
      <family val="3"/>
      <charset val="128"/>
    </font>
    <font>
      <sz val="14"/>
      <color theme="1"/>
      <name val="HG丸ｺﾞｼｯｸM-PRO"/>
      <family val="3"/>
      <charset val="128"/>
    </font>
  </fonts>
  <fills count="3">
    <fill>
      <patternFill patternType="none"/>
    </fill>
    <fill>
      <patternFill patternType="gray125"/>
    </fill>
    <fill>
      <patternFill patternType="solid">
        <fgColor theme="4"/>
        <bgColor indexed="64"/>
      </patternFill>
    </fill>
  </fills>
  <borders count="9">
    <border>
      <left/>
      <right/>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hair">
        <color indexed="64"/>
      </bottom>
      <diagonal/>
    </border>
    <border>
      <left/>
      <right style="hair">
        <color indexed="64"/>
      </right>
      <top/>
      <bottom style="hair">
        <color indexed="64"/>
      </bottom>
      <diagonal/>
    </border>
    <border>
      <left/>
      <right style="hair">
        <color indexed="64"/>
      </right>
      <top/>
      <bottom/>
      <diagonal/>
    </border>
    <border>
      <left style="hair">
        <color indexed="64"/>
      </left>
      <right/>
      <top/>
      <bottom/>
      <diagonal/>
    </border>
    <border>
      <left/>
      <right style="hair">
        <color indexed="64"/>
      </right>
      <top style="hair">
        <color indexed="64"/>
      </top>
      <bottom style="hair">
        <color indexed="64"/>
      </bottom>
      <diagonal/>
    </border>
  </borders>
  <cellStyleXfs count="1">
    <xf numFmtId="0" fontId="0" fillId="0" borderId="0">
      <alignment vertical="center"/>
    </xf>
  </cellStyleXfs>
  <cellXfs count="19">
    <xf numFmtId="0" fontId="0" fillId="0" borderId="0" xfId="0">
      <alignment vertical="center"/>
    </xf>
    <xf numFmtId="0" fontId="2" fillId="0" borderId="0" xfId="0" applyFont="1">
      <alignment vertical="center"/>
    </xf>
    <xf numFmtId="0" fontId="2" fillId="0" borderId="4" xfId="0" applyFont="1" applyBorder="1">
      <alignment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3" xfId="0" applyFont="1" applyBorder="1">
      <alignment vertical="center"/>
    </xf>
    <xf numFmtId="0" fontId="2" fillId="0" borderId="8" xfId="0" applyFont="1" applyBorder="1">
      <alignment vertical="center"/>
    </xf>
    <xf numFmtId="0" fontId="2" fillId="0" borderId="2" xfId="0" applyFont="1" applyBorder="1">
      <alignment vertical="center"/>
    </xf>
    <xf numFmtId="0" fontId="4" fillId="0" borderId="7" xfId="0" applyFont="1" applyBorder="1">
      <alignment vertical="center"/>
    </xf>
    <xf numFmtId="0" fontId="2" fillId="0" borderId="6" xfId="0" applyFont="1" applyBorder="1" applyAlignment="1">
      <alignment horizontal="right" vertical="center"/>
    </xf>
    <xf numFmtId="0" fontId="2" fillId="0" borderId="1" xfId="0" applyFont="1" applyBorder="1" applyAlignment="1">
      <alignment horizontal="center" vertical="center"/>
    </xf>
    <xf numFmtId="0" fontId="2" fillId="0" borderId="7" xfId="0" applyFont="1" applyBorder="1" applyAlignment="1">
      <alignment horizontal="left" vertical="center"/>
    </xf>
    <xf numFmtId="0" fontId="3" fillId="2" borderId="2" xfId="0" applyFont="1" applyFill="1" applyBorder="1" applyAlignment="1">
      <alignment horizontal="center" vertical="center"/>
    </xf>
    <xf numFmtId="0" fontId="3" fillId="2" borderId="3" xfId="0" applyFont="1" applyFill="1" applyBorder="1" applyAlignment="1">
      <alignment horizontal="center" vertical="center"/>
    </xf>
    <xf numFmtId="0" fontId="2" fillId="0" borderId="4" xfId="0" applyFont="1" applyBorder="1" applyAlignment="1">
      <alignment horizontal="center" vertical="center"/>
    </xf>
    <xf numFmtId="0" fontId="2" fillId="0" borderId="5" xfId="0" applyFont="1" applyBorder="1" applyAlignment="1">
      <alignment horizontal="center" vertical="center"/>
    </xf>
    <xf numFmtId="0" fontId="5" fillId="0" borderId="0" xfId="0" applyFont="1" applyAlignment="1">
      <alignment horizontal="center" vertical="center"/>
    </xf>
    <xf numFmtId="0" fontId="2" fillId="0" borderId="1" xfId="0"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613E183-F74D-4F24-8E16-5193E5701DF8}">
  <sheetPr>
    <pageSetUpPr fitToPage="1"/>
  </sheetPr>
  <dimension ref="B1:E40"/>
  <sheetViews>
    <sheetView tabSelected="1" workbookViewId="0">
      <selection activeCell="B5" sqref="B5"/>
    </sheetView>
  </sheetViews>
  <sheetFormatPr defaultRowHeight="13.5" x14ac:dyDescent="0.4"/>
  <cols>
    <col min="1" max="1" width="10.625" style="1" customWidth="1"/>
    <col min="2" max="2" width="23.25" style="1" customWidth="1"/>
    <col min="3" max="3" width="70" style="1" customWidth="1"/>
    <col min="4" max="4" width="4.5" style="1" customWidth="1"/>
    <col min="5" max="16384" width="9" style="1"/>
  </cols>
  <sheetData>
    <row r="1" spans="2:5" ht="30" customHeight="1" x14ac:dyDescent="0.4">
      <c r="B1" s="13" t="s">
        <v>0</v>
      </c>
      <c r="C1" s="14"/>
    </row>
    <row r="2" spans="2:5" ht="33" customHeight="1" x14ac:dyDescent="0.4">
      <c r="B2" s="15" t="s">
        <v>19</v>
      </c>
      <c r="C2" s="16"/>
    </row>
    <row r="3" spans="2:5" ht="24.75" customHeight="1" x14ac:dyDescent="0.4">
      <c r="B3" s="11" t="s">
        <v>11</v>
      </c>
      <c r="C3" s="4"/>
      <c r="E3" s="1" t="s">
        <v>21</v>
      </c>
    </row>
    <row r="4" spans="2:5" ht="24.75" customHeight="1" x14ac:dyDescent="0.4">
      <c r="B4" s="11" t="s">
        <v>1</v>
      </c>
      <c r="C4" s="6"/>
    </row>
    <row r="5" spans="2:5" ht="24.75" customHeight="1" x14ac:dyDescent="0.4">
      <c r="B5" s="11" t="s">
        <v>4</v>
      </c>
      <c r="C5" s="6"/>
    </row>
    <row r="6" spans="2:5" ht="24.75" customHeight="1" x14ac:dyDescent="0.4">
      <c r="B6" s="11" t="s">
        <v>8</v>
      </c>
      <c r="C6" s="6"/>
    </row>
    <row r="7" spans="2:5" ht="24.75" customHeight="1" x14ac:dyDescent="0.4">
      <c r="B7" s="18" t="s">
        <v>24</v>
      </c>
      <c r="C7" s="6"/>
    </row>
    <row r="8" spans="2:5" ht="24.75" customHeight="1" x14ac:dyDescent="0.4">
      <c r="B8" s="18" t="s">
        <v>25</v>
      </c>
      <c r="C8" s="6"/>
    </row>
    <row r="9" spans="2:5" ht="24.75" customHeight="1" x14ac:dyDescent="0.4">
      <c r="B9" s="11" t="s">
        <v>10</v>
      </c>
      <c r="C9" s="6"/>
    </row>
    <row r="10" spans="2:5" ht="24.75" customHeight="1" x14ac:dyDescent="0.4">
      <c r="B10" s="11" t="s">
        <v>9</v>
      </c>
      <c r="C10" s="7"/>
    </row>
    <row r="11" spans="2:5" ht="24.75" customHeight="1" x14ac:dyDescent="0.4">
      <c r="B11" s="11" t="s">
        <v>2</v>
      </c>
      <c r="C11" s="4"/>
    </row>
    <row r="12" spans="2:5" ht="24.75" customHeight="1" x14ac:dyDescent="0.4">
      <c r="B12" s="11" t="s">
        <v>3</v>
      </c>
      <c r="C12" s="6"/>
    </row>
    <row r="13" spans="2:5" ht="24.75" customHeight="1" x14ac:dyDescent="0.4">
      <c r="B13" s="11" t="s">
        <v>5</v>
      </c>
      <c r="C13" s="6"/>
    </row>
    <row r="14" spans="2:5" ht="24.75" customHeight="1" x14ac:dyDescent="0.4">
      <c r="B14" s="12" t="s">
        <v>6</v>
      </c>
      <c r="C14" s="6"/>
    </row>
    <row r="15" spans="2:5" ht="24.75" customHeight="1" x14ac:dyDescent="0.4">
      <c r="B15" s="5"/>
      <c r="C15" s="4"/>
    </row>
    <row r="16" spans="2:5" ht="24.75" customHeight="1" x14ac:dyDescent="0.4">
      <c r="B16" s="5"/>
      <c r="C16" s="4"/>
    </row>
    <row r="17" spans="2:3" ht="24.75" customHeight="1" x14ac:dyDescent="0.4">
      <c r="B17" s="5"/>
      <c r="C17" s="4"/>
    </row>
    <row r="18" spans="2:3" ht="24.75" customHeight="1" x14ac:dyDescent="0.4">
      <c r="B18" s="5"/>
      <c r="C18" s="4"/>
    </row>
    <row r="19" spans="2:3" ht="24.75" customHeight="1" x14ac:dyDescent="0.4">
      <c r="B19" s="5"/>
      <c r="C19" s="4"/>
    </row>
    <row r="20" spans="2:3" ht="24.75" customHeight="1" x14ac:dyDescent="0.4">
      <c r="B20" s="5"/>
      <c r="C20" s="4"/>
    </row>
    <row r="21" spans="2:3" ht="24.75" customHeight="1" x14ac:dyDescent="0.4">
      <c r="B21" s="5"/>
      <c r="C21" s="4"/>
    </row>
    <row r="22" spans="2:3" ht="24.75" customHeight="1" x14ac:dyDescent="0.4">
      <c r="B22" s="5"/>
      <c r="C22" s="4"/>
    </row>
    <row r="23" spans="2:3" ht="24.75" customHeight="1" x14ac:dyDescent="0.4">
      <c r="B23" s="2"/>
      <c r="C23" s="10" t="s">
        <v>12</v>
      </c>
    </row>
    <row r="24" spans="2:3" ht="24.75" customHeight="1" x14ac:dyDescent="0.4">
      <c r="B24" s="5" t="s">
        <v>7</v>
      </c>
      <c r="C24" s="6"/>
    </row>
    <row r="25" spans="2:3" ht="24.75" customHeight="1" x14ac:dyDescent="0.4">
      <c r="B25" s="5" t="s">
        <v>23</v>
      </c>
      <c r="C25" s="4"/>
    </row>
    <row r="26" spans="2:3" ht="24.75" customHeight="1" x14ac:dyDescent="0.4">
      <c r="B26" s="5"/>
      <c r="C26" s="4"/>
    </row>
    <row r="27" spans="2:3" ht="24.75" customHeight="1" x14ac:dyDescent="0.4">
      <c r="B27" s="5"/>
      <c r="C27" s="4"/>
    </row>
    <row r="28" spans="2:3" ht="24.75" customHeight="1" x14ac:dyDescent="0.4">
      <c r="B28" s="5"/>
      <c r="C28" s="4"/>
    </row>
    <row r="29" spans="2:3" ht="24.75" customHeight="1" x14ac:dyDescent="0.4">
      <c r="B29" s="5"/>
      <c r="C29" s="4"/>
    </row>
    <row r="30" spans="2:3" ht="24.75" customHeight="1" x14ac:dyDescent="0.4">
      <c r="B30" s="5"/>
      <c r="C30" s="4"/>
    </row>
    <row r="31" spans="2:3" ht="24.75" customHeight="1" x14ac:dyDescent="0.4">
      <c r="B31" s="5"/>
      <c r="C31" s="10" t="s">
        <v>22</v>
      </c>
    </row>
    <row r="32" spans="2:3" ht="24.75" customHeight="1" x14ac:dyDescent="0.4">
      <c r="B32" s="8" t="s">
        <v>13</v>
      </c>
      <c r="C32" s="6" t="s">
        <v>14</v>
      </c>
    </row>
    <row r="33" spans="2:3" ht="24.75" customHeight="1" x14ac:dyDescent="0.4">
      <c r="B33" s="9" t="s">
        <v>18</v>
      </c>
      <c r="C33" s="7" t="s">
        <v>17</v>
      </c>
    </row>
    <row r="34" spans="2:3" ht="24.75" customHeight="1" x14ac:dyDescent="0.4">
      <c r="B34" s="5"/>
      <c r="C34" s="6" t="s">
        <v>15</v>
      </c>
    </row>
    <row r="35" spans="2:3" ht="24.75" customHeight="1" x14ac:dyDescent="0.4">
      <c r="B35" s="5"/>
      <c r="C35" s="6" t="s">
        <v>17</v>
      </c>
    </row>
    <row r="36" spans="2:3" ht="24.75" customHeight="1" x14ac:dyDescent="0.4">
      <c r="B36" s="5"/>
      <c r="C36" s="7" t="s">
        <v>16</v>
      </c>
    </row>
    <row r="37" spans="2:3" ht="24.75" customHeight="1" x14ac:dyDescent="0.4">
      <c r="B37" s="5"/>
      <c r="C37" s="6" t="s">
        <v>17</v>
      </c>
    </row>
    <row r="38" spans="2:3" ht="18.75" customHeight="1" x14ac:dyDescent="0.4">
      <c r="B38" s="2"/>
      <c r="C38" s="3"/>
    </row>
    <row r="39" spans="2:3" ht="9.75" customHeight="1" x14ac:dyDescent="0.4"/>
    <row r="40" spans="2:3" ht="18.75" customHeight="1" x14ac:dyDescent="0.4">
      <c r="B40" s="17" t="s">
        <v>20</v>
      </c>
      <c r="C40" s="17"/>
    </row>
  </sheetData>
  <mergeCells count="3">
    <mergeCell ref="B1:C1"/>
    <mergeCell ref="B2:C2"/>
    <mergeCell ref="B40:C40"/>
  </mergeCells>
  <phoneticPr fontId="1"/>
  <dataValidations count="1">
    <dataValidation type="list" allowBlank="1" showInputMessage="1" showErrorMessage="1" sqref="C3" xr:uid="{5B234F45-F0AD-4535-8E69-1327B33BA601}">
      <formula1>"飲食・宿泊,運輸,卸・小売,金融・保険,建設,広告・印刷,サービス,士業,情報通信,製造,農業・林業,不動産,その他"</formula1>
    </dataValidation>
  </dataValidations>
  <pageMargins left="0.25" right="0.25" top="0.75" bottom="0.75" header="0.3" footer="0.3"/>
  <pageSetup paperSize="9" scale="8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mihiko komatsu</dc:creator>
  <cp:lastModifiedBy>suwa</cp:lastModifiedBy>
  <cp:lastPrinted>2021-10-06T23:21:53Z</cp:lastPrinted>
  <dcterms:created xsi:type="dcterms:W3CDTF">2021-10-06T07:52:13Z</dcterms:created>
  <dcterms:modified xsi:type="dcterms:W3CDTF">2021-10-25T02:28:42Z</dcterms:modified>
</cp:coreProperties>
</file>